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0018969\Desktop\"/>
    </mc:Choice>
  </mc:AlternateContent>
  <bookViews>
    <workbookView xWindow="0" yWindow="0" windowWidth="28800" windowHeight="1413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omments1.xml><?xml version="1.0" encoding="utf-8"?>
<comments xmlns="http://schemas.openxmlformats.org/spreadsheetml/2006/main">
  <authors>
    <author>Luhman, Judy</author>
  </authors>
  <commentList>
    <comment ref="C7" authorId="0" shapeId="0">
      <text>
        <r>
          <rPr>
            <b/>
            <sz val="9"/>
            <color indexed="81"/>
            <rFont val="Tahoma"/>
            <charset val="1"/>
          </rPr>
          <t>Luhman, Judy:</t>
        </r>
        <r>
          <rPr>
            <sz val="9"/>
            <color indexed="81"/>
            <rFont val="Tahoma"/>
            <charset val="1"/>
          </rPr>
          <t xml:space="preserve">
or 9,500?</t>
        </r>
      </text>
    </comment>
  </commentList>
</comments>
</file>

<file path=xl/sharedStrings.xml><?xml version="1.0" encoding="utf-8"?>
<sst xmlns="http://schemas.openxmlformats.org/spreadsheetml/2006/main" count="329" uniqueCount="194">
  <si>
    <t>Fiscal Delegate</t>
  </si>
  <si>
    <t>Level</t>
  </si>
  <si>
    <t>Dollar Limit</t>
  </si>
  <si>
    <t>Aaron, Lisa Jo</t>
  </si>
  <si>
    <t>First Level</t>
  </si>
  <si>
    <t>Adams-Buckley, Deirdre</t>
  </si>
  <si>
    <t>Coord</t>
  </si>
  <si>
    <t>Adrian, Mary</t>
  </si>
  <si>
    <t>Adzema, Marlene</t>
  </si>
  <si>
    <t>Albert, Corine</t>
  </si>
  <si>
    <t>Albrecht, Natasha</t>
  </si>
  <si>
    <t>Aldretti, Teri</t>
  </si>
  <si>
    <t>Dept Chair</t>
  </si>
  <si>
    <t>Archuleta (Murillo), Renee</t>
  </si>
  <si>
    <t>Armelino, Donna</t>
  </si>
  <si>
    <t>Arrigo, Joanne</t>
  </si>
  <si>
    <t>Asher, Robert</t>
  </si>
  <si>
    <t>Baker, Hill</t>
  </si>
  <si>
    <t>Bammerlin, Dana</t>
  </si>
  <si>
    <t>Bana, Mark</t>
  </si>
  <si>
    <t>Director</t>
  </si>
  <si>
    <t>Barnes, David</t>
  </si>
  <si>
    <t>Barnett, Susan</t>
  </si>
  <si>
    <t>Baxter, Geoffrey</t>
  </si>
  <si>
    <t>Bearish, Krysta</t>
  </si>
  <si>
    <t>Beamis, Kathy</t>
  </si>
  <si>
    <t>Beard, Jeremy</t>
  </si>
  <si>
    <t>Beltran, Lynn</t>
  </si>
  <si>
    <t>Beluscak, Mark</t>
  </si>
  <si>
    <t>Bergers, Cynthia</t>
  </si>
  <si>
    <t>Berry, Greg</t>
  </si>
  <si>
    <t>Bolton, Patricia</t>
  </si>
  <si>
    <t>Bonich, Patrick</t>
  </si>
  <si>
    <t>Brink, Julia</t>
  </si>
  <si>
    <t>Briscoe, Charlotte</t>
  </si>
  <si>
    <t>Broadwater, Jennifer</t>
  </si>
  <si>
    <t>Bryant, Bryan</t>
  </si>
  <si>
    <t>VP</t>
  </si>
  <si>
    <t>Burciaga, Armando (Mundy)</t>
  </si>
  <si>
    <t>Camilo, Sandra</t>
  </si>
  <si>
    <t>Chaudhry, Amina</t>
  </si>
  <si>
    <t>Cherrington, Bill</t>
  </si>
  <si>
    <t>Circle, Kelly</t>
  </si>
  <si>
    <t>Cirincione-Palmer, Sally</t>
  </si>
  <si>
    <t>Cohen, Mark</t>
  </si>
  <si>
    <t>Comeaux, Linda</t>
  </si>
  <si>
    <t>Coste, Mike</t>
  </si>
  <si>
    <t>Coto, Nicolasita</t>
  </si>
  <si>
    <t>Cox, Elizabeth</t>
  </si>
  <si>
    <t>Crook, Linda</t>
  </si>
  <si>
    <t>Dalbec, Brittany</t>
  </si>
  <si>
    <t>Dell, Deborah</t>
  </si>
  <si>
    <t>Dermyer, Kristen</t>
  </si>
  <si>
    <t>Dial, Bill</t>
  </si>
  <si>
    <t>Exec Direct</t>
  </si>
  <si>
    <t>Dobbs, Christa</t>
  </si>
  <si>
    <t>Donahue, Haley</t>
  </si>
  <si>
    <t>Drobnick, Di</t>
  </si>
  <si>
    <t>Dugan, Sean</t>
  </si>
  <si>
    <t>Dumas, Allison</t>
  </si>
  <si>
    <t>Edwardson, Kevin</t>
  </si>
  <si>
    <t>Eldredge, Kelly Jo</t>
  </si>
  <si>
    <t>Espinoza, Sarah</t>
  </si>
  <si>
    <t>Fallon, Kirk</t>
  </si>
  <si>
    <t>Fowler, Lisa</t>
  </si>
  <si>
    <t>VPSS</t>
  </si>
  <si>
    <t>Frechette, Linda</t>
  </si>
  <si>
    <t>Fry, Arielle</t>
  </si>
  <si>
    <t>Fry, Ruth</t>
  </si>
  <si>
    <t>Fulks, Michael</t>
  </si>
  <si>
    <t>Gardner, Michelle</t>
  </si>
  <si>
    <t>Glenn, Holly</t>
  </si>
  <si>
    <t>Gomez, Art</t>
  </si>
  <si>
    <t>Gonzales, Janet</t>
  </si>
  <si>
    <t>Green, Cortney</t>
  </si>
  <si>
    <t>Green, Jeramine</t>
  </si>
  <si>
    <t>Green, Nadine</t>
  </si>
  <si>
    <t>Griffin, Tim</t>
  </si>
  <si>
    <t>Exec Dir</t>
  </si>
  <si>
    <t>Haddon, Kate</t>
  </si>
  <si>
    <t>Hager, Mike</t>
  </si>
  <si>
    <t>Haney, Michele</t>
  </si>
  <si>
    <t>Hauser, Nancy</t>
  </si>
  <si>
    <t>Herrera, Aracili</t>
  </si>
  <si>
    <t>Hill, Janet</t>
  </si>
  <si>
    <t>Hodapp, Teresa</t>
  </si>
  <si>
    <t>Holly, Glenn</t>
  </si>
  <si>
    <t>Houser, Deb</t>
  </si>
  <si>
    <t>Hupf, Kyle</t>
  </si>
  <si>
    <t>Iverson, Erika</t>
  </si>
  <si>
    <t>Jacobs, Jon</t>
  </si>
  <si>
    <t>Jimenez, Gina</t>
  </si>
  <si>
    <t>Johnson, Jody</t>
  </si>
  <si>
    <t>Johnson, Jon</t>
  </si>
  <si>
    <t>Jones, Emelda</t>
  </si>
  <si>
    <t>Kaoudis, Kathy</t>
  </si>
  <si>
    <t>Controller</t>
  </si>
  <si>
    <t>Kavanaugh, Jean</t>
  </si>
  <si>
    <t>Keeton, Bre'una</t>
  </si>
  <si>
    <t>Kelly, Jean</t>
  </si>
  <si>
    <t>Kenfield, Marilyn</t>
  </si>
  <si>
    <t xml:space="preserve">Keyes, Hannah </t>
  </si>
  <si>
    <t>Kjensrud, Timothy</t>
  </si>
  <si>
    <t>Kneppe, Janiece</t>
  </si>
  <si>
    <t>Kreller, Jeannine</t>
  </si>
  <si>
    <t>Kroetch, Jennifer</t>
  </si>
  <si>
    <t>Kurgan, Melinda</t>
  </si>
  <si>
    <t>Lacroix, Nicole</t>
  </si>
  <si>
    <t>Dean</t>
  </si>
  <si>
    <t>Land (Jones), Allie Jo</t>
  </si>
  <si>
    <t>Lapadat, Thomas</t>
  </si>
  <si>
    <t>Lewis, Amy</t>
  </si>
  <si>
    <t>Licari, Laura</t>
  </si>
  <si>
    <t>Long, Kristine</t>
  </si>
  <si>
    <t>Luhman, Judy</t>
  </si>
  <si>
    <t>Asst Control</t>
  </si>
  <si>
    <t>Lujano, Katrina</t>
  </si>
  <si>
    <t>Macken, Jennifer</t>
  </si>
  <si>
    <t>Macy, Clara</t>
  </si>
  <si>
    <t>Madden, Samantha</t>
  </si>
  <si>
    <t>Maphet, Ian</t>
  </si>
  <si>
    <t>Marquez, Christina</t>
  </si>
  <si>
    <t>Matzen, Mika</t>
  </si>
  <si>
    <t>McDermott, Kelly</t>
  </si>
  <si>
    <t>McGirl, Roy</t>
  </si>
  <si>
    <t>Medina, Rico</t>
  </si>
  <si>
    <t>Mendiola, Nicole</t>
  </si>
  <si>
    <t>Montgomery, Cheryl</t>
  </si>
  <si>
    <t>Moosavi, Phyliss</t>
  </si>
  <si>
    <t xml:space="preserve">Moses, Siedel (Tina) </t>
  </si>
  <si>
    <t>Navarette, Ernie</t>
  </si>
  <si>
    <t>Neville, Karen</t>
  </si>
  <si>
    <t>Nickell, Debra</t>
  </si>
  <si>
    <t>Nicholas, Toni</t>
  </si>
  <si>
    <t>Ochoa, Delia</t>
  </si>
  <si>
    <t>Ogburn, Travis</t>
  </si>
  <si>
    <t>O'Neill, John</t>
  </si>
  <si>
    <t>Orth, John</t>
  </si>
  <si>
    <t>Oudenhoven, Duane (Arnie)</t>
  </si>
  <si>
    <t>Oviatt, Sara</t>
  </si>
  <si>
    <t>Pace, Linda</t>
  </si>
  <si>
    <t>Padgett, Susan</t>
  </si>
  <si>
    <t>Pepping, Yvonne</t>
  </si>
  <si>
    <t>Pham, Ha</t>
  </si>
  <si>
    <t>Phelps, Elizabeth</t>
  </si>
  <si>
    <t>Porras, Ernie</t>
  </si>
  <si>
    <t>Powers, Stephanie</t>
  </si>
  <si>
    <t>Rathe, Dean</t>
  </si>
  <si>
    <t>Rein, Kimberly</t>
  </si>
  <si>
    <t>Rivero, Martha</t>
  </si>
  <si>
    <t>Rock, Catherine</t>
  </si>
  <si>
    <t>Roe, Stacy</t>
  </si>
  <si>
    <t>Rogers, Danny</t>
  </si>
  <si>
    <t>Salinas, Donna</t>
  </si>
  <si>
    <t>Sanchez, Matthew</t>
  </si>
  <si>
    <t>Sanders, Nick</t>
  </si>
  <si>
    <t>Savig, Berndt</t>
  </si>
  <si>
    <t>Scharnikow, Sheryl</t>
  </si>
  <si>
    <t>Schissler, Kathleen</t>
  </si>
  <si>
    <t>Schneider, Julie</t>
  </si>
  <si>
    <t>Shields, Cynthia</t>
  </si>
  <si>
    <t>Schull, Rita</t>
  </si>
  <si>
    <t>Slinger, Ron</t>
  </si>
  <si>
    <t>Smith, Joan</t>
  </si>
  <si>
    <t>Smith, Joel</t>
  </si>
  <si>
    <t>Snyder, Larry</t>
  </si>
  <si>
    <t>Sobhani, Barbra</t>
  </si>
  <si>
    <t>Speare, Ellen</t>
  </si>
  <si>
    <t>Squire, Mark</t>
  </si>
  <si>
    <t>Starkweather, Sonja</t>
  </si>
  <si>
    <t>Stevens, Andrew</t>
  </si>
  <si>
    <t>Stevens, Carmen</t>
  </si>
  <si>
    <t>Stewart, Peggy</t>
  </si>
  <si>
    <t>Stone, Dylan</t>
  </si>
  <si>
    <t>Tafoya, Loretta (Sais)</t>
  </si>
  <si>
    <t>Tarase, Janet</t>
  </si>
  <si>
    <t>Thatcher, Rich</t>
  </si>
  <si>
    <t>Trujillo, Danielle</t>
  </si>
  <si>
    <t>Turner, Michael</t>
  </si>
  <si>
    <t>Vigil, Sylvia</t>
  </si>
  <si>
    <t>Visconti, Jeannette</t>
  </si>
  <si>
    <t>Vroman, Robert</t>
  </si>
  <si>
    <t>Waters, Summer</t>
  </si>
  <si>
    <t>Wanek, Troy</t>
  </si>
  <si>
    <t>Welty, Dorothy</t>
  </si>
  <si>
    <t>White, Shunna</t>
  </si>
  <si>
    <t>Williams, Beth</t>
  </si>
  <si>
    <t>Williamson, Jacob</t>
  </si>
  <si>
    <t>Wygant, Ben</t>
  </si>
  <si>
    <t>only Pcard</t>
  </si>
  <si>
    <t>Yazdani, Linda</t>
  </si>
  <si>
    <t>York, Karen</t>
  </si>
  <si>
    <t>Ysais, Nina</t>
  </si>
  <si>
    <t>Zeeh, Steve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6" formatCode="&quot;$&quot;#,##0_);[Red]\(&quot;$&quot;#,##0\)"/>
    <numFmt numFmtId="164" formatCode="m/d/yy;@"/>
  </numFmts>
  <fonts count="5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9"/>
      <color indexed="81"/>
      <name val="Tahoma"/>
      <charset val="1"/>
    </font>
    <font>
      <sz val="9"/>
      <color indexed="81"/>
      <name val="Tahoma"/>
      <charset val="1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FFFF00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theme="0" tint="-0.14993743705557422"/>
      </left>
      <right style="thin">
        <color theme="0" tint="-0.14993743705557422"/>
      </right>
      <top/>
      <bottom style="thin">
        <color theme="0" tint="-0.14993743705557422"/>
      </bottom>
      <diagonal/>
    </border>
    <border>
      <left style="thin">
        <color theme="0" tint="-0.14993743705557422"/>
      </left>
      <right style="thin">
        <color theme="0" tint="-0.14993743705557422"/>
      </right>
      <top style="thin">
        <color theme="0" tint="-0.14993743705557422"/>
      </top>
      <bottom style="thin">
        <color theme="0" tint="-0.14993743705557422"/>
      </bottom>
      <diagonal/>
    </border>
    <border>
      <left/>
      <right style="thin">
        <color theme="0" tint="-0.14993743705557422"/>
      </right>
      <top style="thin">
        <color theme="0" tint="-0.14993743705557422"/>
      </top>
      <bottom style="thin">
        <color theme="0" tint="-0.14993743705557422"/>
      </bottom>
      <diagonal/>
    </border>
  </borders>
  <cellStyleXfs count="1">
    <xf numFmtId="0" fontId="0" fillId="0" borderId="0"/>
  </cellStyleXfs>
  <cellXfs count="24">
    <xf numFmtId="0" fontId="0" fillId="0" borderId="0" xfId="0"/>
    <xf numFmtId="0" fontId="1" fillId="2" borderId="1" xfId="0" applyFont="1" applyFill="1" applyBorder="1" applyAlignment="1" applyProtection="1"/>
    <xf numFmtId="0" fontId="1" fillId="0" borderId="2" xfId="0" applyFont="1" applyFill="1" applyBorder="1" applyAlignment="1">
      <alignment horizontal="center"/>
    </xf>
    <xf numFmtId="0" fontId="1" fillId="0" borderId="3" xfId="0" applyFont="1" applyBorder="1"/>
    <xf numFmtId="0" fontId="0" fillId="2" borderId="4" xfId="0" applyFont="1" applyFill="1" applyBorder="1"/>
    <xf numFmtId="0" fontId="0" fillId="0" borderId="0" xfId="0" applyFont="1" applyFill="1"/>
    <xf numFmtId="0" fontId="0" fillId="0" borderId="0" xfId="0" applyFont="1"/>
    <xf numFmtId="0" fontId="0" fillId="2" borderId="5" xfId="0" applyFont="1" applyFill="1" applyBorder="1"/>
    <xf numFmtId="0" fontId="0" fillId="0" borderId="0" xfId="0" applyFont="1" applyFill="1" applyBorder="1"/>
    <xf numFmtId="0" fontId="0" fillId="3" borderId="0" xfId="0" applyFont="1" applyFill="1"/>
    <xf numFmtId="6" fontId="0" fillId="0" borderId="0" xfId="0" applyNumberFormat="1" applyFont="1" applyFill="1" applyBorder="1"/>
    <xf numFmtId="6" fontId="0" fillId="0" borderId="0" xfId="0" applyNumberFormat="1" applyFont="1"/>
    <xf numFmtId="0" fontId="2" fillId="2" borderId="5" xfId="0" applyFont="1" applyFill="1" applyBorder="1"/>
    <xf numFmtId="0" fontId="2" fillId="0" borderId="0" xfId="0" applyFont="1" applyFill="1"/>
    <xf numFmtId="0" fontId="2" fillId="3" borderId="0" xfId="0" applyFont="1" applyFill="1"/>
    <xf numFmtId="6" fontId="0" fillId="0" borderId="0" xfId="0" applyNumberFormat="1" applyFont="1" applyFill="1"/>
    <xf numFmtId="0" fontId="0" fillId="3" borderId="5" xfId="0" applyFont="1" applyFill="1" applyBorder="1"/>
    <xf numFmtId="6" fontId="0" fillId="3" borderId="0" xfId="0" applyNumberFormat="1" applyFont="1" applyFill="1"/>
    <xf numFmtId="0" fontId="0" fillId="2" borderId="0" xfId="0" applyFont="1" applyFill="1" applyBorder="1"/>
    <xf numFmtId="0" fontId="0" fillId="0" borderId="0" xfId="0" applyFill="1"/>
    <xf numFmtId="164" fontId="0" fillId="0" borderId="0" xfId="0" applyNumberFormat="1" applyFont="1" applyFill="1" applyBorder="1" applyAlignment="1">
      <alignment horizontal="left"/>
    </xf>
    <xf numFmtId="6" fontId="2" fillId="0" borderId="0" xfId="0" applyNumberFormat="1" applyFont="1" applyFill="1"/>
    <xf numFmtId="0" fontId="0" fillId="2" borderId="6" xfId="0" applyFont="1" applyFill="1" applyBorder="1"/>
    <xf numFmtId="0" fontId="0" fillId="2" borderId="0" xfId="0" applyFont="1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comments" Target="../comments1.xml"/><Relationship Id="rId1" Type="http://schemas.openxmlformats.org/officeDocument/2006/relationships/vmlDrawing" Target="../drawings/vmlDrawing1.v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C183"/>
  <sheetViews>
    <sheetView tabSelected="1" workbookViewId="0">
      <selection activeCell="P16" sqref="P16"/>
    </sheetView>
  </sheetViews>
  <sheetFormatPr defaultRowHeight="15" x14ac:dyDescent="0.25"/>
  <cols>
    <col min="1" max="1" width="26.5703125" bestFit="1" customWidth="1"/>
    <col min="3" max="3" width="11.140625" bestFit="1" customWidth="1"/>
  </cols>
  <sheetData>
    <row r="1" spans="1:3" ht="15.75" thickBot="1" x14ac:dyDescent="0.3"/>
    <row r="2" spans="1:3" ht="15.75" thickBot="1" x14ac:dyDescent="0.3">
      <c r="A2" s="1" t="s">
        <v>0</v>
      </c>
      <c r="B2" s="2" t="s">
        <v>1</v>
      </c>
      <c r="C2" s="3" t="s">
        <v>2</v>
      </c>
    </row>
    <row r="3" spans="1:3" x14ac:dyDescent="0.25">
      <c r="A3" s="4" t="s">
        <v>3</v>
      </c>
      <c r="B3" s="5" t="s">
        <v>4</v>
      </c>
      <c r="C3" s="6">
        <v>3000</v>
      </c>
    </row>
    <row r="4" spans="1:3" x14ac:dyDescent="0.25">
      <c r="A4" s="7" t="s">
        <v>5</v>
      </c>
      <c r="B4" s="5" t="s">
        <v>6</v>
      </c>
      <c r="C4" s="6">
        <v>5000</v>
      </c>
    </row>
    <row r="5" spans="1:3" x14ac:dyDescent="0.25">
      <c r="A5" s="7" t="s">
        <v>7</v>
      </c>
      <c r="B5" s="5" t="s">
        <v>4</v>
      </c>
      <c r="C5" s="6">
        <v>3000</v>
      </c>
    </row>
    <row r="6" spans="1:3" x14ac:dyDescent="0.25">
      <c r="A6" s="7" t="s">
        <v>8</v>
      </c>
      <c r="B6" s="8" t="s">
        <v>4</v>
      </c>
      <c r="C6" s="8">
        <v>3000</v>
      </c>
    </row>
    <row r="7" spans="1:3" x14ac:dyDescent="0.25">
      <c r="A7" s="7" t="s">
        <v>9</v>
      </c>
      <c r="B7" s="8" t="s">
        <v>4</v>
      </c>
      <c r="C7" s="8">
        <v>4500</v>
      </c>
    </row>
    <row r="8" spans="1:3" x14ac:dyDescent="0.25">
      <c r="A8" s="7" t="s">
        <v>10</v>
      </c>
      <c r="B8" s="9"/>
      <c r="C8" s="8"/>
    </row>
    <row r="9" spans="1:3" x14ac:dyDescent="0.25">
      <c r="A9" s="7" t="s">
        <v>11</v>
      </c>
      <c r="B9" s="5" t="s">
        <v>12</v>
      </c>
      <c r="C9" s="10">
        <v>5000</v>
      </c>
    </row>
    <row r="10" spans="1:3" x14ac:dyDescent="0.25">
      <c r="A10" s="7" t="s">
        <v>13</v>
      </c>
      <c r="B10" s="5" t="s">
        <v>6</v>
      </c>
      <c r="C10" s="10">
        <v>5000</v>
      </c>
    </row>
    <row r="11" spans="1:3" x14ac:dyDescent="0.25">
      <c r="A11" s="7" t="s">
        <v>14</v>
      </c>
      <c r="B11" s="5" t="s">
        <v>12</v>
      </c>
      <c r="C11" s="11">
        <v>5000</v>
      </c>
    </row>
    <row r="12" spans="1:3" x14ac:dyDescent="0.25">
      <c r="A12" s="7" t="s">
        <v>15</v>
      </c>
      <c r="B12" s="5" t="s">
        <v>4</v>
      </c>
      <c r="C12" s="11">
        <v>3000</v>
      </c>
    </row>
    <row r="13" spans="1:3" x14ac:dyDescent="0.25">
      <c r="A13" s="7" t="s">
        <v>16</v>
      </c>
      <c r="B13" s="5" t="s">
        <v>4</v>
      </c>
      <c r="C13" s="11">
        <v>3000</v>
      </c>
    </row>
    <row r="14" spans="1:3" x14ac:dyDescent="0.25">
      <c r="A14" s="7" t="s">
        <v>17</v>
      </c>
      <c r="B14" s="5" t="s">
        <v>4</v>
      </c>
      <c r="C14" s="11">
        <v>3000</v>
      </c>
    </row>
    <row r="15" spans="1:3" x14ac:dyDescent="0.25">
      <c r="A15" s="7" t="s">
        <v>18</v>
      </c>
      <c r="B15" s="5" t="s">
        <v>6</v>
      </c>
      <c r="C15" s="11">
        <v>5000</v>
      </c>
    </row>
    <row r="16" spans="1:3" x14ac:dyDescent="0.25">
      <c r="A16" s="7" t="s">
        <v>19</v>
      </c>
      <c r="B16" s="5" t="s">
        <v>20</v>
      </c>
      <c r="C16" s="11">
        <v>10000</v>
      </c>
    </row>
    <row r="17" spans="1:3" x14ac:dyDescent="0.25">
      <c r="A17" s="7" t="s">
        <v>21</v>
      </c>
      <c r="B17" s="5" t="s">
        <v>20</v>
      </c>
      <c r="C17" s="11">
        <v>10000</v>
      </c>
    </row>
    <row r="18" spans="1:3" x14ac:dyDescent="0.25">
      <c r="A18" s="7" t="s">
        <v>22</v>
      </c>
      <c r="B18" s="5" t="s">
        <v>20</v>
      </c>
      <c r="C18" s="11">
        <v>10000</v>
      </c>
    </row>
    <row r="19" spans="1:3" x14ac:dyDescent="0.25">
      <c r="A19" s="7" t="s">
        <v>23</v>
      </c>
      <c r="B19" s="5" t="s">
        <v>4</v>
      </c>
      <c r="C19" s="11">
        <v>3000</v>
      </c>
    </row>
    <row r="20" spans="1:3" x14ac:dyDescent="0.25">
      <c r="A20" s="7" t="s">
        <v>24</v>
      </c>
      <c r="B20" s="5"/>
      <c r="C20" s="11">
        <v>3000</v>
      </c>
    </row>
    <row r="21" spans="1:3" x14ac:dyDescent="0.25">
      <c r="A21" s="12" t="s">
        <v>25</v>
      </c>
      <c r="B21" s="14"/>
      <c r="C21" s="11">
        <v>3000</v>
      </c>
    </row>
    <row r="22" spans="1:3" x14ac:dyDescent="0.25">
      <c r="A22" s="7" t="s">
        <v>26</v>
      </c>
      <c r="B22" s="5" t="s">
        <v>4</v>
      </c>
      <c r="C22" s="11">
        <v>3000</v>
      </c>
    </row>
    <row r="23" spans="1:3" x14ac:dyDescent="0.25">
      <c r="A23" s="7" t="s">
        <v>27</v>
      </c>
      <c r="B23" s="5" t="s">
        <v>4</v>
      </c>
      <c r="C23" s="11">
        <v>3000</v>
      </c>
    </row>
    <row r="24" spans="1:3" x14ac:dyDescent="0.25">
      <c r="A24" s="7" t="s">
        <v>28</v>
      </c>
      <c r="B24" s="5" t="s">
        <v>20</v>
      </c>
      <c r="C24" s="11">
        <v>5000</v>
      </c>
    </row>
    <row r="25" spans="1:3" x14ac:dyDescent="0.25">
      <c r="A25" s="7" t="s">
        <v>29</v>
      </c>
      <c r="B25" s="5" t="s">
        <v>4</v>
      </c>
      <c r="C25" s="11">
        <v>3000</v>
      </c>
    </row>
    <row r="26" spans="1:3" x14ac:dyDescent="0.25">
      <c r="A26" s="7" t="s">
        <v>30</v>
      </c>
      <c r="B26" s="5" t="s">
        <v>6</v>
      </c>
      <c r="C26" s="11">
        <v>5000</v>
      </c>
    </row>
    <row r="27" spans="1:3" x14ac:dyDescent="0.25">
      <c r="A27" s="7" t="s">
        <v>31</v>
      </c>
      <c r="B27" s="5" t="s">
        <v>20</v>
      </c>
      <c r="C27" s="11">
        <v>10000</v>
      </c>
    </row>
    <row r="28" spans="1:3" x14ac:dyDescent="0.25">
      <c r="A28" s="7" t="s">
        <v>32</v>
      </c>
      <c r="B28" s="5" t="s">
        <v>6</v>
      </c>
      <c r="C28" s="11">
        <v>5000</v>
      </c>
    </row>
    <row r="29" spans="1:3" x14ac:dyDescent="0.25">
      <c r="A29" s="7" t="s">
        <v>33</v>
      </c>
      <c r="B29" s="5" t="s">
        <v>6</v>
      </c>
      <c r="C29" s="11">
        <v>5000</v>
      </c>
    </row>
    <row r="30" spans="1:3" x14ac:dyDescent="0.25">
      <c r="A30" s="7" t="s">
        <v>34</v>
      </c>
      <c r="B30" s="5" t="s">
        <v>6</v>
      </c>
      <c r="C30" s="15">
        <v>5000</v>
      </c>
    </row>
    <row r="31" spans="1:3" x14ac:dyDescent="0.25">
      <c r="A31" s="7" t="s">
        <v>35</v>
      </c>
      <c r="B31" s="5" t="s">
        <v>4</v>
      </c>
      <c r="C31" s="11">
        <v>3000</v>
      </c>
    </row>
    <row r="32" spans="1:3" x14ac:dyDescent="0.25">
      <c r="A32" s="7" t="s">
        <v>36</v>
      </c>
      <c r="B32" s="5" t="s">
        <v>37</v>
      </c>
      <c r="C32" s="11">
        <v>200000</v>
      </c>
    </row>
    <row r="33" spans="1:3" x14ac:dyDescent="0.25">
      <c r="A33" s="7" t="s">
        <v>38</v>
      </c>
      <c r="B33" s="5" t="s">
        <v>20</v>
      </c>
      <c r="C33" s="11">
        <v>10000</v>
      </c>
    </row>
    <row r="34" spans="1:3" x14ac:dyDescent="0.25">
      <c r="A34" s="7" t="s">
        <v>39</v>
      </c>
      <c r="B34" s="5" t="s">
        <v>4</v>
      </c>
      <c r="C34" s="11">
        <v>3000</v>
      </c>
    </row>
    <row r="35" spans="1:3" x14ac:dyDescent="0.25">
      <c r="A35" s="7" t="s">
        <v>40</v>
      </c>
      <c r="B35" s="5" t="s">
        <v>4</v>
      </c>
      <c r="C35" s="11">
        <v>3000</v>
      </c>
    </row>
    <row r="36" spans="1:3" x14ac:dyDescent="0.25">
      <c r="A36" s="7" t="s">
        <v>41</v>
      </c>
      <c r="B36" s="5" t="s">
        <v>20</v>
      </c>
      <c r="C36" s="11">
        <v>10000</v>
      </c>
    </row>
    <row r="37" spans="1:3" x14ac:dyDescent="0.25">
      <c r="A37" s="7" t="s">
        <v>42</v>
      </c>
      <c r="B37" s="9"/>
      <c r="C37" s="11"/>
    </row>
    <row r="38" spans="1:3" x14ac:dyDescent="0.25">
      <c r="A38" s="7" t="s">
        <v>43</v>
      </c>
      <c r="B38" s="5" t="s">
        <v>12</v>
      </c>
      <c r="C38" s="11">
        <v>5000</v>
      </c>
    </row>
    <row r="39" spans="1:3" x14ac:dyDescent="0.25">
      <c r="A39" s="7" t="s">
        <v>44</v>
      </c>
      <c r="B39" s="5" t="s">
        <v>4</v>
      </c>
      <c r="C39" s="11">
        <v>3000</v>
      </c>
    </row>
    <row r="40" spans="1:3" x14ac:dyDescent="0.25">
      <c r="A40" s="7" t="s">
        <v>45</v>
      </c>
      <c r="B40" s="5"/>
      <c r="C40" s="11"/>
    </row>
    <row r="41" spans="1:3" x14ac:dyDescent="0.25">
      <c r="A41" s="7" t="s">
        <v>46</v>
      </c>
      <c r="B41" s="5"/>
      <c r="C41" s="11"/>
    </row>
    <row r="42" spans="1:3" x14ac:dyDescent="0.25">
      <c r="A42" s="7" t="s">
        <v>47</v>
      </c>
      <c r="B42" s="5" t="s">
        <v>4</v>
      </c>
      <c r="C42" s="11">
        <v>3000</v>
      </c>
    </row>
    <row r="43" spans="1:3" x14ac:dyDescent="0.25">
      <c r="A43" s="7" t="s">
        <v>48</v>
      </c>
      <c r="B43" s="5"/>
      <c r="C43" s="11"/>
    </row>
    <row r="44" spans="1:3" x14ac:dyDescent="0.25">
      <c r="A44" s="7" t="s">
        <v>49</v>
      </c>
      <c r="B44" s="5" t="s">
        <v>20</v>
      </c>
      <c r="C44" s="11">
        <v>10000</v>
      </c>
    </row>
    <row r="45" spans="1:3" x14ac:dyDescent="0.25">
      <c r="A45" s="7" t="s">
        <v>50</v>
      </c>
      <c r="B45" s="5" t="s">
        <v>4</v>
      </c>
      <c r="C45" s="11">
        <v>3000</v>
      </c>
    </row>
    <row r="46" spans="1:3" x14ac:dyDescent="0.25">
      <c r="A46" s="7" t="s">
        <v>51</v>
      </c>
      <c r="B46" s="5" t="s">
        <v>4</v>
      </c>
      <c r="C46" s="11">
        <v>3000</v>
      </c>
    </row>
    <row r="47" spans="1:3" x14ac:dyDescent="0.25">
      <c r="A47" s="7" t="s">
        <v>52</v>
      </c>
      <c r="B47" s="5" t="s">
        <v>4</v>
      </c>
      <c r="C47" s="11">
        <v>3000</v>
      </c>
    </row>
    <row r="48" spans="1:3" x14ac:dyDescent="0.25">
      <c r="A48" s="7" t="s">
        <v>53</v>
      </c>
      <c r="B48" s="5" t="s">
        <v>54</v>
      </c>
      <c r="C48" s="11">
        <v>10000</v>
      </c>
    </row>
    <row r="49" spans="1:3" x14ac:dyDescent="0.25">
      <c r="A49" s="7" t="s">
        <v>55</v>
      </c>
      <c r="B49" s="5" t="s">
        <v>20</v>
      </c>
      <c r="C49" s="11">
        <v>5000</v>
      </c>
    </row>
    <row r="50" spans="1:3" x14ac:dyDescent="0.25">
      <c r="A50" s="7" t="s">
        <v>56</v>
      </c>
      <c r="B50" s="5" t="s">
        <v>4</v>
      </c>
      <c r="C50" s="11">
        <v>3000</v>
      </c>
    </row>
    <row r="51" spans="1:3" x14ac:dyDescent="0.25">
      <c r="A51" s="7" t="s">
        <v>57</v>
      </c>
      <c r="B51" s="5" t="s">
        <v>4</v>
      </c>
      <c r="C51" s="11">
        <v>4500</v>
      </c>
    </row>
    <row r="52" spans="1:3" x14ac:dyDescent="0.25">
      <c r="A52" s="7" t="s">
        <v>58</v>
      </c>
      <c r="B52" s="5" t="s">
        <v>20</v>
      </c>
      <c r="C52" s="11">
        <v>10000</v>
      </c>
    </row>
    <row r="53" spans="1:3" x14ac:dyDescent="0.25">
      <c r="A53" s="7" t="s">
        <v>59</v>
      </c>
      <c r="B53" s="9"/>
      <c r="C53" s="11"/>
    </row>
    <row r="54" spans="1:3" x14ac:dyDescent="0.25">
      <c r="A54" s="7" t="s">
        <v>60</v>
      </c>
      <c r="B54" s="5" t="s">
        <v>4</v>
      </c>
      <c r="C54" s="11">
        <v>3000</v>
      </c>
    </row>
    <row r="55" spans="1:3" x14ac:dyDescent="0.25">
      <c r="A55" s="7" t="s">
        <v>61</v>
      </c>
      <c r="B55" s="5" t="s">
        <v>4</v>
      </c>
      <c r="C55" s="11">
        <v>3000</v>
      </c>
    </row>
    <row r="56" spans="1:3" x14ac:dyDescent="0.25">
      <c r="A56" s="7" t="s">
        <v>62</v>
      </c>
      <c r="B56" s="5" t="s">
        <v>6</v>
      </c>
      <c r="C56" s="11">
        <v>5000</v>
      </c>
    </row>
    <row r="57" spans="1:3" x14ac:dyDescent="0.25">
      <c r="A57" s="7" t="s">
        <v>63</v>
      </c>
      <c r="B57" s="5" t="s">
        <v>20</v>
      </c>
      <c r="C57" s="11">
        <v>10000</v>
      </c>
    </row>
    <row r="58" spans="1:3" x14ac:dyDescent="0.25">
      <c r="A58" s="16" t="s">
        <v>64</v>
      </c>
      <c r="B58" s="9" t="s">
        <v>65</v>
      </c>
      <c r="C58" s="17">
        <v>25000</v>
      </c>
    </row>
    <row r="59" spans="1:3" x14ac:dyDescent="0.25">
      <c r="A59" s="7" t="s">
        <v>66</v>
      </c>
      <c r="B59" s="5" t="s">
        <v>4</v>
      </c>
      <c r="C59" s="11">
        <v>4900</v>
      </c>
    </row>
    <row r="60" spans="1:3" x14ac:dyDescent="0.25">
      <c r="A60" s="7" t="s">
        <v>67</v>
      </c>
      <c r="B60" s="5" t="s">
        <v>4</v>
      </c>
      <c r="C60" s="11">
        <v>3000</v>
      </c>
    </row>
    <row r="61" spans="1:3" x14ac:dyDescent="0.25">
      <c r="A61" s="7" t="s">
        <v>68</v>
      </c>
      <c r="B61" s="5" t="s">
        <v>4</v>
      </c>
      <c r="C61" s="11">
        <v>3000</v>
      </c>
    </row>
    <row r="62" spans="1:3" x14ac:dyDescent="0.25">
      <c r="A62" s="7" t="s">
        <v>69</v>
      </c>
      <c r="B62" s="5" t="s">
        <v>4</v>
      </c>
      <c r="C62" s="11">
        <v>3000</v>
      </c>
    </row>
    <row r="63" spans="1:3" x14ac:dyDescent="0.25">
      <c r="A63" s="18" t="s">
        <v>70</v>
      </c>
      <c r="B63" s="5" t="s">
        <v>4</v>
      </c>
      <c r="C63" s="11">
        <v>3000</v>
      </c>
    </row>
    <row r="64" spans="1:3" x14ac:dyDescent="0.25">
      <c r="A64" s="18" t="s">
        <v>71</v>
      </c>
      <c r="B64" s="5" t="s">
        <v>6</v>
      </c>
      <c r="C64" s="11">
        <v>5000</v>
      </c>
    </row>
    <row r="65" spans="1:3" x14ac:dyDescent="0.25">
      <c r="A65" s="7" t="s">
        <v>72</v>
      </c>
      <c r="B65" s="5"/>
      <c r="C65" s="11"/>
    </row>
    <row r="66" spans="1:3" x14ac:dyDescent="0.25">
      <c r="A66" s="7" t="s">
        <v>73</v>
      </c>
      <c r="B66" s="5" t="s">
        <v>4</v>
      </c>
      <c r="C66" s="15">
        <v>3000</v>
      </c>
    </row>
    <row r="67" spans="1:3" x14ac:dyDescent="0.25">
      <c r="A67" s="7" t="s">
        <v>74</v>
      </c>
      <c r="B67" s="5" t="s">
        <v>4</v>
      </c>
      <c r="C67" s="15">
        <v>3000</v>
      </c>
    </row>
    <row r="68" spans="1:3" x14ac:dyDescent="0.25">
      <c r="A68" s="7" t="s">
        <v>75</v>
      </c>
      <c r="B68" s="5" t="s">
        <v>4</v>
      </c>
      <c r="C68" s="15">
        <v>3000</v>
      </c>
    </row>
    <row r="69" spans="1:3" x14ac:dyDescent="0.25">
      <c r="A69" s="7" t="s">
        <v>76</v>
      </c>
      <c r="B69" s="5" t="s">
        <v>4</v>
      </c>
      <c r="C69" s="15">
        <v>3000</v>
      </c>
    </row>
    <row r="70" spans="1:3" x14ac:dyDescent="0.25">
      <c r="A70" s="7" t="s">
        <v>77</v>
      </c>
      <c r="B70" s="5" t="s">
        <v>78</v>
      </c>
      <c r="C70" s="11">
        <v>10000</v>
      </c>
    </row>
    <row r="71" spans="1:3" x14ac:dyDescent="0.25">
      <c r="A71" s="7" t="s">
        <v>79</v>
      </c>
      <c r="B71" s="5"/>
      <c r="C71" s="11"/>
    </row>
    <row r="72" spans="1:3" x14ac:dyDescent="0.25">
      <c r="A72" s="7" t="s">
        <v>80</v>
      </c>
      <c r="B72" s="5" t="s">
        <v>4</v>
      </c>
      <c r="C72" s="11">
        <v>3000</v>
      </c>
    </row>
    <row r="73" spans="1:3" x14ac:dyDescent="0.25">
      <c r="A73" s="7" t="s">
        <v>81</v>
      </c>
      <c r="B73" s="5"/>
      <c r="C73" s="15"/>
    </row>
    <row r="74" spans="1:3" x14ac:dyDescent="0.25">
      <c r="A74" s="7" t="s">
        <v>82</v>
      </c>
      <c r="B74" s="5" t="s">
        <v>4</v>
      </c>
      <c r="C74" s="15">
        <v>3000</v>
      </c>
    </row>
    <row r="75" spans="1:3" x14ac:dyDescent="0.25">
      <c r="A75" s="7" t="s">
        <v>83</v>
      </c>
      <c r="B75" s="5" t="s">
        <v>4</v>
      </c>
      <c r="C75" s="15">
        <v>3000</v>
      </c>
    </row>
    <row r="76" spans="1:3" x14ac:dyDescent="0.25">
      <c r="A76" s="7" t="s">
        <v>84</v>
      </c>
      <c r="B76" s="5" t="s">
        <v>4</v>
      </c>
      <c r="C76" s="15">
        <v>3000</v>
      </c>
    </row>
    <row r="77" spans="1:3" x14ac:dyDescent="0.25">
      <c r="A77" s="7" t="s">
        <v>85</v>
      </c>
      <c r="B77" s="5"/>
      <c r="C77" s="15"/>
    </row>
    <row r="78" spans="1:3" x14ac:dyDescent="0.25">
      <c r="A78" s="7" t="s">
        <v>86</v>
      </c>
      <c r="B78" s="5"/>
      <c r="C78" s="15"/>
    </row>
    <row r="79" spans="1:3" x14ac:dyDescent="0.25">
      <c r="A79" s="7" t="s">
        <v>87</v>
      </c>
      <c r="B79" s="5"/>
      <c r="C79" s="15"/>
    </row>
    <row r="80" spans="1:3" x14ac:dyDescent="0.25">
      <c r="A80" s="7" t="s">
        <v>88</v>
      </c>
      <c r="B80" s="5" t="s">
        <v>4</v>
      </c>
      <c r="C80" s="15">
        <v>3000</v>
      </c>
    </row>
    <row r="81" spans="1:3" x14ac:dyDescent="0.25">
      <c r="A81" s="7" t="s">
        <v>89</v>
      </c>
      <c r="B81" s="5"/>
      <c r="C81" s="15"/>
    </row>
    <row r="82" spans="1:3" x14ac:dyDescent="0.25">
      <c r="A82" s="7" t="s">
        <v>90</v>
      </c>
      <c r="B82" s="5" t="s">
        <v>4</v>
      </c>
      <c r="C82" s="15">
        <v>3000</v>
      </c>
    </row>
    <row r="83" spans="1:3" x14ac:dyDescent="0.25">
      <c r="A83" s="7" t="s">
        <v>91</v>
      </c>
      <c r="B83" s="5" t="s">
        <v>6</v>
      </c>
      <c r="C83" s="11">
        <v>5000</v>
      </c>
    </row>
    <row r="84" spans="1:3" x14ac:dyDescent="0.25">
      <c r="A84" s="7" t="s">
        <v>92</v>
      </c>
      <c r="B84" s="5" t="s">
        <v>6</v>
      </c>
      <c r="C84" s="11">
        <v>5000</v>
      </c>
    </row>
    <row r="85" spans="1:3" x14ac:dyDescent="0.25">
      <c r="A85" s="7" t="s">
        <v>93</v>
      </c>
      <c r="B85" s="5" t="s">
        <v>20</v>
      </c>
      <c r="C85" s="11">
        <v>10000</v>
      </c>
    </row>
    <row r="86" spans="1:3" x14ac:dyDescent="0.25">
      <c r="A86" s="7" t="s">
        <v>94</v>
      </c>
      <c r="B86" s="5" t="s">
        <v>4</v>
      </c>
      <c r="C86" s="11">
        <v>3000</v>
      </c>
    </row>
    <row r="87" spans="1:3" x14ac:dyDescent="0.25">
      <c r="A87" s="7" t="s">
        <v>95</v>
      </c>
      <c r="B87" s="5" t="s">
        <v>96</v>
      </c>
      <c r="C87" s="11">
        <v>50000</v>
      </c>
    </row>
    <row r="88" spans="1:3" x14ac:dyDescent="0.25">
      <c r="A88" s="7" t="s">
        <v>97</v>
      </c>
      <c r="B88" s="5" t="s">
        <v>4</v>
      </c>
      <c r="C88" s="11">
        <v>3000</v>
      </c>
    </row>
    <row r="89" spans="1:3" x14ac:dyDescent="0.25">
      <c r="A89" s="7" t="s">
        <v>98</v>
      </c>
      <c r="B89" s="5" t="s">
        <v>6</v>
      </c>
      <c r="C89" s="11">
        <v>3000</v>
      </c>
    </row>
    <row r="90" spans="1:3" x14ac:dyDescent="0.25">
      <c r="A90" s="7" t="s">
        <v>99</v>
      </c>
      <c r="B90" s="5" t="s">
        <v>20</v>
      </c>
      <c r="C90" s="11">
        <v>10000</v>
      </c>
    </row>
    <row r="91" spans="1:3" x14ac:dyDescent="0.25">
      <c r="A91" s="7" t="s">
        <v>100</v>
      </c>
      <c r="B91" s="5" t="s">
        <v>6</v>
      </c>
      <c r="C91" s="11">
        <v>5000</v>
      </c>
    </row>
    <row r="92" spans="1:3" x14ac:dyDescent="0.25">
      <c r="A92" s="7" t="s">
        <v>101</v>
      </c>
      <c r="B92" s="5" t="s">
        <v>4</v>
      </c>
      <c r="C92" s="11">
        <v>3000</v>
      </c>
    </row>
    <row r="93" spans="1:3" x14ac:dyDescent="0.25">
      <c r="A93" s="7" t="s">
        <v>102</v>
      </c>
      <c r="B93" s="5" t="s">
        <v>4</v>
      </c>
      <c r="C93" s="11">
        <v>3000</v>
      </c>
    </row>
    <row r="94" spans="1:3" x14ac:dyDescent="0.25">
      <c r="A94" s="7" t="s">
        <v>103</v>
      </c>
      <c r="B94" s="5" t="s">
        <v>12</v>
      </c>
      <c r="C94" s="11">
        <v>5000</v>
      </c>
    </row>
    <row r="95" spans="1:3" x14ac:dyDescent="0.25">
      <c r="A95" s="7" t="s">
        <v>104</v>
      </c>
      <c r="B95" s="5" t="s">
        <v>6</v>
      </c>
      <c r="C95" s="11">
        <v>5000</v>
      </c>
    </row>
    <row r="96" spans="1:3" x14ac:dyDescent="0.25">
      <c r="A96" s="7" t="s">
        <v>105</v>
      </c>
      <c r="B96" s="5"/>
      <c r="C96" s="11">
        <v>10000</v>
      </c>
    </row>
    <row r="97" spans="1:3" x14ac:dyDescent="0.25">
      <c r="A97" s="7" t="s">
        <v>106</v>
      </c>
      <c r="B97" s="5"/>
      <c r="C97" s="11">
        <v>3000</v>
      </c>
    </row>
    <row r="98" spans="1:3" x14ac:dyDescent="0.25">
      <c r="A98" s="7" t="s">
        <v>107</v>
      </c>
      <c r="B98" s="5" t="s">
        <v>108</v>
      </c>
      <c r="C98" s="11">
        <v>10000</v>
      </c>
    </row>
    <row r="99" spans="1:3" x14ac:dyDescent="0.25">
      <c r="A99" s="7" t="s">
        <v>109</v>
      </c>
      <c r="B99" s="5" t="s">
        <v>4</v>
      </c>
      <c r="C99" s="11">
        <v>3000</v>
      </c>
    </row>
    <row r="100" spans="1:3" x14ac:dyDescent="0.25">
      <c r="A100" s="7" t="s">
        <v>110</v>
      </c>
      <c r="B100" s="20" t="s">
        <v>4</v>
      </c>
      <c r="C100" s="11">
        <v>3000</v>
      </c>
    </row>
    <row r="101" spans="1:3" x14ac:dyDescent="0.25">
      <c r="A101" s="7" t="s">
        <v>111</v>
      </c>
      <c r="B101" s="20" t="s">
        <v>4</v>
      </c>
      <c r="C101" s="11">
        <v>3000</v>
      </c>
    </row>
    <row r="102" spans="1:3" x14ac:dyDescent="0.25">
      <c r="A102" s="7" t="s">
        <v>112</v>
      </c>
      <c r="B102" s="5"/>
      <c r="C102" s="6"/>
    </row>
    <row r="103" spans="1:3" x14ac:dyDescent="0.25">
      <c r="A103" s="7" t="s">
        <v>113</v>
      </c>
      <c r="B103" s="5" t="s">
        <v>4</v>
      </c>
      <c r="C103" s="11">
        <v>3000</v>
      </c>
    </row>
    <row r="104" spans="1:3" x14ac:dyDescent="0.25">
      <c r="A104" s="7" t="s">
        <v>114</v>
      </c>
      <c r="B104" s="5" t="s">
        <v>115</v>
      </c>
      <c r="C104" s="11">
        <v>25000</v>
      </c>
    </row>
    <row r="105" spans="1:3" x14ac:dyDescent="0.25">
      <c r="A105" s="7" t="s">
        <v>116</v>
      </c>
      <c r="B105" s="5" t="s">
        <v>4</v>
      </c>
      <c r="C105" s="11">
        <v>3000</v>
      </c>
    </row>
    <row r="106" spans="1:3" x14ac:dyDescent="0.25">
      <c r="A106" s="7" t="s">
        <v>117</v>
      </c>
      <c r="B106" s="5" t="s">
        <v>20</v>
      </c>
      <c r="C106" s="11">
        <v>10000</v>
      </c>
    </row>
    <row r="107" spans="1:3" x14ac:dyDescent="0.25">
      <c r="A107" s="7" t="s">
        <v>118</v>
      </c>
      <c r="B107" s="5" t="s">
        <v>6</v>
      </c>
      <c r="C107" s="11">
        <v>5000</v>
      </c>
    </row>
    <row r="108" spans="1:3" x14ac:dyDescent="0.25">
      <c r="A108" s="7" t="s">
        <v>119</v>
      </c>
      <c r="B108" s="5"/>
      <c r="C108" s="6"/>
    </row>
    <row r="109" spans="1:3" x14ac:dyDescent="0.25">
      <c r="A109" s="7" t="s">
        <v>120</v>
      </c>
      <c r="B109" s="5" t="s">
        <v>6</v>
      </c>
      <c r="C109" s="11">
        <v>5000</v>
      </c>
    </row>
    <row r="110" spans="1:3" x14ac:dyDescent="0.25">
      <c r="A110" s="7" t="s">
        <v>121</v>
      </c>
      <c r="B110" s="5" t="s">
        <v>4</v>
      </c>
      <c r="C110" s="11">
        <v>500</v>
      </c>
    </row>
    <row r="111" spans="1:3" x14ac:dyDescent="0.25">
      <c r="A111" s="7" t="s">
        <v>122</v>
      </c>
      <c r="B111" s="5" t="s">
        <v>6</v>
      </c>
      <c r="C111" s="11">
        <v>3000</v>
      </c>
    </row>
    <row r="112" spans="1:3" x14ac:dyDescent="0.25">
      <c r="A112" s="7" t="s">
        <v>123</v>
      </c>
      <c r="B112" s="5" t="s">
        <v>20</v>
      </c>
      <c r="C112" s="11">
        <v>10000</v>
      </c>
    </row>
    <row r="113" spans="1:3" x14ac:dyDescent="0.25">
      <c r="A113" s="7" t="s">
        <v>124</v>
      </c>
      <c r="B113" s="5" t="s">
        <v>4</v>
      </c>
      <c r="C113" s="11">
        <v>3000</v>
      </c>
    </row>
    <row r="114" spans="1:3" x14ac:dyDescent="0.25">
      <c r="A114" s="7" t="s">
        <v>125</v>
      </c>
      <c r="B114" s="5" t="s">
        <v>4</v>
      </c>
      <c r="C114" s="11">
        <v>3000</v>
      </c>
    </row>
    <row r="115" spans="1:3" x14ac:dyDescent="0.25">
      <c r="A115" s="7" t="s">
        <v>126</v>
      </c>
      <c r="B115" s="5" t="s">
        <v>4</v>
      </c>
      <c r="C115" s="11">
        <v>3000</v>
      </c>
    </row>
    <row r="116" spans="1:3" x14ac:dyDescent="0.25">
      <c r="A116" s="7" t="s">
        <v>127</v>
      </c>
      <c r="B116" s="5" t="s">
        <v>4</v>
      </c>
      <c r="C116" s="11">
        <v>3000</v>
      </c>
    </row>
    <row r="117" spans="1:3" x14ac:dyDescent="0.25">
      <c r="A117" s="7" t="s">
        <v>128</v>
      </c>
      <c r="B117" s="5" t="s">
        <v>4</v>
      </c>
      <c r="C117" s="11">
        <v>3000</v>
      </c>
    </row>
    <row r="118" spans="1:3" x14ac:dyDescent="0.25">
      <c r="A118" s="7" t="s">
        <v>129</v>
      </c>
      <c r="B118" s="5"/>
      <c r="C118" s="6"/>
    </row>
    <row r="119" spans="1:3" x14ac:dyDescent="0.25">
      <c r="A119" s="7" t="s">
        <v>130</v>
      </c>
      <c r="B119" s="5" t="s">
        <v>6</v>
      </c>
      <c r="C119" s="11">
        <v>3000</v>
      </c>
    </row>
    <row r="120" spans="1:3" x14ac:dyDescent="0.25">
      <c r="A120" s="7" t="s">
        <v>131</v>
      </c>
      <c r="B120" s="5" t="s">
        <v>20</v>
      </c>
      <c r="C120" s="11">
        <v>10000</v>
      </c>
    </row>
    <row r="121" spans="1:3" x14ac:dyDescent="0.25">
      <c r="A121" s="7" t="s">
        <v>132</v>
      </c>
      <c r="B121" s="9"/>
      <c r="C121" s="11">
        <v>5000</v>
      </c>
    </row>
    <row r="122" spans="1:3" x14ac:dyDescent="0.25">
      <c r="A122" s="7" t="s">
        <v>133</v>
      </c>
      <c r="B122" s="9"/>
      <c r="C122" s="9"/>
    </row>
    <row r="123" spans="1:3" x14ac:dyDescent="0.25">
      <c r="A123" s="7" t="s">
        <v>134</v>
      </c>
      <c r="B123" s="5" t="s">
        <v>12</v>
      </c>
      <c r="C123" s="15">
        <v>5000</v>
      </c>
    </row>
    <row r="124" spans="1:3" x14ac:dyDescent="0.25">
      <c r="A124" s="7" t="s">
        <v>135</v>
      </c>
      <c r="B124" s="5" t="s">
        <v>4</v>
      </c>
      <c r="C124" s="15">
        <v>3000</v>
      </c>
    </row>
    <row r="125" spans="1:3" x14ac:dyDescent="0.25">
      <c r="A125" s="7" t="s">
        <v>136</v>
      </c>
      <c r="B125" s="5" t="s">
        <v>6</v>
      </c>
      <c r="C125" s="15">
        <v>5000</v>
      </c>
    </row>
    <row r="126" spans="1:3" x14ac:dyDescent="0.25">
      <c r="A126" s="7" t="s">
        <v>137</v>
      </c>
      <c r="B126" s="5" t="s">
        <v>12</v>
      </c>
      <c r="C126" s="15">
        <v>5000</v>
      </c>
    </row>
    <row r="127" spans="1:3" x14ac:dyDescent="0.25">
      <c r="A127" s="7" t="s">
        <v>138</v>
      </c>
      <c r="B127" s="5" t="s">
        <v>54</v>
      </c>
      <c r="C127" s="15">
        <v>10000</v>
      </c>
    </row>
    <row r="128" spans="1:3" x14ac:dyDescent="0.25">
      <c r="A128" s="7" t="s">
        <v>139</v>
      </c>
      <c r="B128" s="5" t="s">
        <v>6</v>
      </c>
      <c r="C128" s="15">
        <v>5000</v>
      </c>
    </row>
    <row r="129" spans="1:3" x14ac:dyDescent="0.25">
      <c r="A129" s="7" t="s">
        <v>140</v>
      </c>
      <c r="B129" s="5" t="s">
        <v>12</v>
      </c>
      <c r="C129" s="17"/>
    </row>
    <row r="130" spans="1:3" x14ac:dyDescent="0.25">
      <c r="A130" s="7" t="s">
        <v>141</v>
      </c>
      <c r="B130" s="5" t="s">
        <v>20</v>
      </c>
      <c r="C130" s="15">
        <v>10000</v>
      </c>
    </row>
    <row r="131" spans="1:3" x14ac:dyDescent="0.25">
      <c r="A131" s="7" t="s">
        <v>142</v>
      </c>
      <c r="B131" s="5" t="s">
        <v>4</v>
      </c>
      <c r="C131" s="15">
        <v>3000</v>
      </c>
    </row>
    <row r="132" spans="1:3" x14ac:dyDescent="0.25">
      <c r="A132" s="7" t="s">
        <v>143</v>
      </c>
      <c r="B132" s="5" t="s">
        <v>6</v>
      </c>
      <c r="C132" s="15">
        <v>5000</v>
      </c>
    </row>
    <row r="133" spans="1:3" x14ac:dyDescent="0.25">
      <c r="A133" s="7" t="s">
        <v>144</v>
      </c>
      <c r="B133" s="9"/>
      <c r="C133" s="9"/>
    </row>
    <row r="134" spans="1:3" x14ac:dyDescent="0.25">
      <c r="A134" s="7" t="s">
        <v>145</v>
      </c>
      <c r="B134" s="5" t="s">
        <v>4</v>
      </c>
      <c r="C134" s="15">
        <v>3000</v>
      </c>
    </row>
    <row r="135" spans="1:3" x14ac:dyDescent="0.25">
      <c r="A135" s="7" t="s">
        <v>146</v>
      </c>
      <c r="B135" s="5" t="s">
        <v>4</v>
      </c>
      <c r="C135" s="15">
        <v>3000</v>
      </c>
    </row>
    <row r="136" spans="1:3" x14ac:dyDescent="0.25">
      <c r="A136" s="7" t="s">
        <v>147</v>
      </c>
      <c r="B136" s="5" t="s">
        <v>54</v>
      </c>
      <c r="C136" s="15">
        <v>10000</v>
      </c>
    </row>
    <row r="137" spans="1:3" x14ac:dyDescent="0.25">
      <c r="A137" s="7" t="s">
        <v>148</v>
      </c>
      <c r="B137" s="5" t="s">
        <v>20</v>
      </c>
      <c r="C137" s="15">
        <v>5000</v>
      </c>
    </row>
    <row r="138" spans="1:3" x14ac:dyDescent="0.25">
      <c r="A138" s="7" t="s">
        <v>149</v>
      </c>
      <c r="B138" s="5" t="s">
        <v>20</v>
      </c>
      <c r="C138" s="15">
        <v>5000</v>
      </c>
    </row>
    <row r="139" spans="1:3" x14ac:dyDescent="0.25">
      <c r="A139" s="7" t="s">
        <v>150</v>
      </c>
      <c r="B139" s="5" t="s">
        <v>6</v>
      </c>
      <c r="C139" s="15">
        <v>5000</v>
      </c>
    </row>
    <row r="140" spans="1:3" x14ac:dyDescent="0.25">
      <c r="A140" s="7" t="s">
        <v>151</v>
      </c>
      <c r="B140" s="5"/>
      <c r="C140" s="5"/>
    </row>
    <row r="141" spans="1:3" x14ac:dyDescent="0.25">
      <c r="A141" s="7" t="s">
        <v>152</v>
      </c>
      <c r="B141" s="5" t="s">
        <v>4</v>
      </c>
      <c r="C141" s="15">
        <v>3000</v>
      </c>
    </row>
    <row r="142" spans="1:3" x14ac:dyDescent="0.25">
      <c r="A142" s="7" t="s">
        <v>153</v>
      </c>
      <c r="B142" s="5" t="s">
        <v>4</v>
      </c>
      <c r="C142" s="15">
        <v>3000</v>
      </c>
    </row>
    <row r="143" spans="1:3" x14ac:dyDescent="0.25">
      <c r="A143" s="7" t="s">
        <v>154</v>
      </c>
      <c r="B143" s="5" t="s">
        <v>4</v>
      </c>
      <c r="C143" s="15">
        <v>3000</v>
      </c>
    </row>
    <row r="144" spans="1:3" x14ac:dyDescent="0.25">
      <c r="A144" s="7" t="s">
        <v>155</v>
      </c>
      <c r="B144" s="5" t="s">
        <v>4</v>
      </c>
      <c r="C144" s="15">
        <v>3000</v>
      </c>
    </row>
    <row r="145" spans="1:3" x14ac:dyDescent="0.25">
      <c r="A145" s="7" t="s">
        <v>156</v>
      </c>
      <c r="B145" s="5"/>
      <c r="C145" s="5"/>
    </row>
    <row r="146" spans="1:3" x14ac:dyDescent="0.25">
      <c r="A146" s="7" t="s">
        <v>157</v>
      </c>
      <c r="B146" s="5" t="s">
        <v>4</v>
      </c>
      <c r="C146" s="15">
        <v>3000</v>
      </c>
    </row>
    <row r="147" spans="1:3" x14ac:dyDescent="0.25">
      <c r="A147" s="7" t="s">
        <v>158</v>
      </c>
      <c r="B147" s="5" t="s">
        <v>6</v>
      </c>
      <c r="C147" s="15">
        <v>5000</v>
      </c>
    </row>
    <row r="148" spans="1:3" x14ac:dyDescent="0.25">
      <c r="A148" s="7" t="s">
        <v>159</v>
      </c>
      <c r="B148" s="5"/>
      <c r="C148" s="15"/>
    </row>
    <row r="149" spans="1:3" x14ac:dyDescent="0.25">
      <c r="A149" s="7" t="s">
        <v>160</v>
      </c>
      <c r="B149" s="5"/>
      <c r="C149" s="15"/>
    </row>
    <row r="150" spans="1:3" x14ac:dyDescent="0.25">
      <c r="A150" s="7" t="s">
        <v>161</v>
      </c>
      <c r="B150" s="5" t="s">
        <v>4</v>
      </c>
      <c r="C150" s="15">
        <v>3000</v>
      </c>
    </row>
    <row r="151" spans="1:3" x14ac:dyDescent="0.25">
      <c r="A151" s="7" t="s">
        <v>162</v>
      </c>
      <c r="B151" s="5"/>
      <c r="C151" s="15"/>
    </row>
    <row r="152" spans="1:3" x14ac:dyDescent="0.25">
      <c r="A152" s="7" t="s">
        <v>163</v>
      </c>
      <c r="B152" s="5" t="s">
        <v>78</v>
      </c>
      <c r="C152" s="15">
        <v>25000</v>
      </c>
    </row>
    <row r="153" spans="1:3" x14ac:dyDescent="0.25">
      <c r="A153" s="7" t="s">
        <v>164</v>
      </c>
      <c r="B153" s="5" t="s">
        <v>6</v>
      </c>
      <c r="C153" s="11">
        <v>5000</v>
      </c>
    </row>
    <row r="154" spans="1:3" x14ac:dyDescent="0.25">
      <c r="A154" s="7" t="s">
        <v>165</v>
      </c>
      <c r="B154" s="5" t="s">
        <v>4</v>
      </c>
      <c r="C154" s="11">
        <v>3000</v>
      </c>
    </row>
    <row r="155" spans="1:3" x14ac:dyDescent="0.25">
      <c r="A155" s="7" t="s">
        <v>166</v>
      </c>
      <c r="B155" s="5" t="s">
        <v>20</v>
      </c>
      <c r="C155" s="11">
        <v>10000</v>
      </c>
    </row>
    <row r="156" spans="1:3" x14ac:dyDescent="0.25">
      <c r="A156" s="7" t="s">
        <v>167</v>
      </c>
      <c r="B156" s="5" t="s">
        <v>12</v>
      </c>
      <c r="C156" s="11">
        <v>5000</v>
      </c>
    </row>
    <row r="157" spans="1:3" x14ac:dyDescent="0.25">
      <c r="A157" s="7" t="s">
        <v>168</v>
      </c>
      <c r="B157" s="5" t="s">
        <v>6</v>
      </c>
      <c r="C157" s="11">
        <v>5000</v>
      </c>
    </row>
    <row r="158" spans="1:3" x14ac:dyDescent="0.25">
      <c r="A158" s="7" t="s">
        <v>169</v>
      </c>
      <c r="B158" s="5" t="s">
        <v>4</v>
      </c>
      <c r="C158" s="11">
        <v>3000</v>
      </c>
    </row>
    <row r="159" spans="1:3" x14ac:dyDescent="0.25">
      <c r="A159" s="7" t="s">
        <v>170</v>
      </c>
      <c r="B159" s="5" t="s">
        <v>20</v>
      </c>
      <c r="C159" s="11">
        <v>10000</v>
      </c>
    </row>
    <row r="160" spans="1:3" x14ac:dyDescent="0.25">
      <c r="A160" s="7" t="s">
        <v>171</v>
      </c>
      <c r="B160" s="5"/>
      <c r="C160" s="11"/>
    </row>
    <row r="161" spans="1:3" x14ac:dyDescent="0.25">
      <c r="A161" s="7" t="s">
        <v>172</v>
      </c>
      <c r="B161" s="5" t="s">
        <v>4</v>
      </c>
      <c r="C161" s="11">
        <v>3000</v>
      </c>
    </row>
    <row r="162" spans="1:3" x14ac:dyDescent="0.25">
      <c r="A162" s="12" t="s">
        <v>173</v>
      </c>
      <c r="B162" s="5"/>
      <c r="C162" s="11"/>
    </row>
    <row r="163" spans="1:3" x14ac:dyDescent="0.25">
      <c r="A163" s="7" t="s">
        <v>174</v>
      </c>
      <c r="B163" s="5" t="s">
        <v>6</v>
      </c>
      <c r="C163" s="11">
        <v>5000</v>
      </c>
    </row>
    <row r="164" spans="1:3" x14ac:dyDescent="0.25">
      <c r="A164" s="7" t="s">
        <v>175</v>
      </c>
      <c r="B164" s="5"/>
      <c r="C164" s="11"/>
    </row>
    <row r="165" spans="1:3" x14ac:dyDescent="0.25">
      <c r="A165" s="7" t="s">
        <v>176</v>
      </c>
      <c r="B165" s="5"/>
      <c r="C165" s="11"/>
    </row>
    <row r="166" spans="1:3" x14ac:dyDescent="0.25">
      <c r="A166" s="7" t="s">
        <v>177</v>
      </c>
      <c r="B166" s="5" t="s">
        <v>4</v>
      </c>
      <c r="C166" s="11">
        <v>3000</v>
      </c>
    </row>
    <row r="167" spans="1:3" x14ac:dyDescent="0.25">
      <c r="A167" s="7" t="s">
        <v>178</v>
      </c>
      <c r="B167" s="5" t="s">
        <v>4</v>
      </c>
      <c r="C167" s="11">
        <v>3000</v>
      </c>
    </row>
    <row r="168" spans="1:3" x14ac:dyDescent="0.25">
      <c r="A168" s="12" t="s">
        <v>179</v>
      </c>
      <c r="B168" s="13" t="s">
        <v>20</v>
      </c>
      <c r="C168" s="21">
        <v>10000</v>
      </c>
    </row>
    <row r="169" spans="1:3" x14ac:dyDescent="0.25">
      <c r="A169" s="7" t="s">
        <v>180</v>
      </c>
      <c r="B169" s="5" t="s">
        <v>20</v>
      </c>
      <c r="C169" s="15">
        <v>10000</v>
      </c>
    </row>
    <row r="170" spans="1:3" x14ac:dyDescent="0.25">
      <c r="A170" s="7" t="s">
        <v>181</v>
      </c>
      <c r="B170" s="5" t="s">
        <v>4</v>
      </c>
      <c r="C170" s="15">
        <v>4200</v>
      </c>
    </row>
    <row r="171" spans="1:3" x14ac:dyDescent="0.25">
      <c r="A171" s="7" t="s">
        <v>182</v>
      </c>
      <c r="B171" s="5"/>
      <c r="C171" s="11"/>
    </row>
    <row r="172" spans="1:3" x14ac:dyDescent="0.25">
      <c r="A172" s="7" t="s">
        <v>183</v>
      </c>
      <c r="B172" s="5" t="s">
        <v>12</v>
      </c>
      <c r="C172" s="11">
        <v>5000</v>
      </c>
    </row>
    <row r="173" spans="1:3" x14ac:dyDescent="0.25">
      <c r="A173" s="7" t="s">
        <v>184</v>
      </c>
      <c r="B173" s="5" t="s">
        <v>108</v>
      </c>
      <c r="C173" s="15">
        <v>10000</v>
      </c>
    </row>
    <row r="174" spans="1:3" x14ac:dyDescent="0.25">
      <c r="A174" s="7" t="s">
        <v>185</v>
      </c>
      <c r="B174" s="5" t="s">
        <v>4</v>
      </c>
      <c r="C174" s="15">
        <v>3000</v>
      </c>
    </row>
    <row r="175" spans="1:3" x14ac:dyDescent="0.25">
      <c r="A175" s="7" t="s">
        <v>186</v>
      </c>
      <c r="B175" s="5" t="s">
        <v>4</v>
      </c>
      <c r="C175" s="15">
        <v>3000</v>
      </c>
    </row>
    <row r="176" spans="1:3" x14ac:dyDescent="0.25">
      <c r="A176" s="7" t="s">
        <v>187</v>
      </c>
      <c r="B176" s="5" t="s">
        <v>6</v>
      </c>
      <c r="C176" s="15">
        <v>5000</v>
      </c>
    </row>
    <row r="177" spans="1:3" x14ac:dyDescent="0.25">
      <c r="A177" s="7"/>
      <c r="B177" s="5"/>
      <c r="C177" s="6"/>
    </row>
    <row r="178" spans="1:3" x14ac:dyDescent="0.25">
      <c r="A178" s="22" t="s">
        <v>188</v>
      </c>
      <c r="B178" s="19" t="s">
        <v>6</v>
      </c>
      <c r="C178" s="9" t="s">
        <v>189</v>
      </c>
    </row>
    <row r="179" spans="1:3" x14ac:dyDescent="0.25">
      <c r="A179" s="7" t="s">
        <v>190</v>
      </c>
      <c r="B179" s="5" t="s">
        <v>20</v>
      </c>
      <c r="C179" s="11">
        <v>10000</v>
      </c>
    </row>
    <row r="180" spans="1:3" x14ac:dyDescent="0.25">
      <c r="A180" s="7" t="s">
        <v>191</v>
      </c>
      <c r="B180" s="5" t="s">
        <v>4</v>
      </c>
      <c r="C180" s="11">
        <v>3000</v>
      </c>
    </row>
    <row r="181" spans="1:3" x14ac:dyDescent="0.25">
      <c r="A181" s="7" t="s">
        <v>192</v>
      </c>
      <c r="B181" s="5" t="s">
        <v>4</v>
      </c>
      <c r="C181" s="11">
        <v>3000</v>
      </c>
    </row>
    <row r="182" spans="1:3" x14ac:dyDescent="0.25">
      <c r="A182" s="23" t="s">
        <v>193</v>
      </c>
      <c r="B182" s="5" t="s">
        <v>20</v>
      </c>
      <c r="C182" s="11">
        <v>10000</v>
      </c>
    </row>
    <row r="183" spans="1:3" x14ac:dyDescent="0.25">
      <c r="A183" s="23"/>
      <c r="B183" s="5"/>
      <c r="C183" s="6"/>
    </row>
  </sheetData>
  <pageMargins left="0.7" right="0.7" top="0.75" bottom="0.75" header="0.3" footer="0.3"/>
  <legacy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Red Rocks Community Colleg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rk, Karen</dc:creator>
  <cp:lastModifiedBy>York, Karen</cp:lastModifiedBy>
  <dcterms:created xsi:type="dcterms:W3CDTF">2018-10-05T14:35:36Z</dcterms:created>
  <dcterms:modified xsi:type="dcterms:W3CDTF">2018-10-08T15:32:07Z</dcterms:modified>
</cp:coreProperties>
</file>